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③一般競争入札\3.告示起案（業務委託　２項目以上）\★告示用\211【岩田】\"/>
    </mc:Choice>
  </mc:AlternateContent>
  <xr:revisionPtr revIDLastSave="0" documentId="8_{B2E6C5E0-F5AF-47B9-A039-CACD0FCF0573}" xr6:coauthVersionLast="47" xr6:coauthVersionMax="47" xr10:uidLastSave="{00000000-0000-0000-0000-000000000000}"/>
  <bookViews>
    <workbookView xWindow="780" yWindow="780" windowWidth="19680" windowHeight="15405" xr2:uid="{8E1A59E5-BC09-4651-A8B7-2D0356FDB017}"/>
  </bookViews>
  <sheets>
    <sheet name="21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11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31" uniqueCount="28">
  <si>
    <t>名称№２１１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オイルダンパー分解整備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オイルダンパー分解整備</t>
  </si>
  <si>
    <t>トキコ　ＯＤ35Ａ型</t>
  </si>
  <si>
    <t>本</t>
  </si>
  <si>
    <t>トキコ　ＨＤ5846047型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8">
      <t>シバ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20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2EBB4B0A-A48D-4931-85B2-90A56C5F16D1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3721;&#30000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/112&#22865;&#32004;&#20418;/&#9670;&#21336;&#20385;&#22865;&#32004;/R8/&#9314;&#19968;&#33324;&#31478;&#20105;&#20837;&#26413;/3.&#21578;&#31034;&#36215;&#26696;&#65288;&#26989;&#21209;&#22996;&#35351;&#12288;&#65298;&#38917;&#30446;&#20197;&#19978;&#65289;/&#23721;&#30000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F572F0-76D8-4073-B26B-432EA1D0FDF5}">
  <sheetPr>
    <tabColor indexed="57"/>
  </sheetPr>
  <dimension ref="A1:J57"/>
  <sheetViews>
    <sheetView showZeros="0" tabSelected="1" view="pageBreakPreview" zoomScale="70" zoomScaleNormal="100" zoomScaleSheetLayoutView="70" workbookViewId="0">
      <selection activeCell="J20" sqref="J20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60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24</v>
      </c>
      <c r="G10" s="38"/>
      <c r="H10" s="33"/>
    </row>
    <row r="11" spans="1:10" ht="24.95" customHeight="1" x14ac:dyDescent="0.15">
      <c r="A11" s="26"/>
      <c r="B11" s="34"/>
      <c r="C11" s="35"/>
      <c r="D11" s="36"/>
      <c r="E11" s="37"/>
      <c r="F11" s="31"/>
      <c r="G11" s="38"/>
      <c r="H11" s="33"/>
    </row>
    <row r="12" spans="1:10" ht="24.95" customHeight="1" x14ac:dyDescent="0.15">
      <c r="A12" s="26"/>
      <c r="B12" s="34"/>
      <c r="C12" s="35"/>
      <c r="D12" s="36"/>
      <c r="E12" s="37"/>
      <c r="F12" s="31"/>
      <c r="G12" s="38"/>
      <c r="H12" s="33"/>
    </row>
    <row r="13" spans="1:10" ht="24.95" customHeight="1" x14ac:dyDescent="0.15">
      <c r="A13" s="39"/>
      <c r="B13" s="40"/>
      <c r="C13" s="39"/>
      <c r="D13" s="41"/>
      <c r="E13" s="42"/>
      <c r="F13" s="43"/>
      <c r="G13" s="44"/>
      <c r="H13" s="45"/>
    </row>
    <row r="14" spans="1:10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54"/>
      <c r="H23" s="45"/>
    </row>
    <row r="24" spans="1:8" ht="24.95" customHeight="1" x14ac:dyDescent="0.15">
      <c r="A24" s="26"/>
      <c r="B24" s="46"/>
      <c r="C24" s="26"/>
      <c r="D24" s="47"/>
      <c r="E24" s="55"/>
      <c r="F24" s="49"/>
      <c r="G24" s="52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35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57"/>
      <c r="B28" s="40"/>
      <c r="C28" s="39"/>
      <c r="D28" s="58"/>
      <c r="E28" s="39"/>
      <c r="F28" s="43"/>
      <c r="G28" s="53"/>
      <c r="H28" s="59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7"/>
      <c r="F33" s="43"/>
      <c r="G33" s="5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2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38"/>
      <c r="H38" s="33"/>
    </row>
    <row r="39" spans="1:8" ht="24.95" customHeight="1" thickBot="1" x14ac:dyDescent="0.2">
      <c r="A39" s="60" t="s">
        <v>16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17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18</v>
      </c>
      <c r="H42" s="65"/>
    </row>
    <row r="43" spans="1:8" ht="20.100000000000001" customHeight="1" x14ac:dyDescent="0.15">
      <c r="A43" s="65"/>
      <c r="B43" s="65" t="s">
        <v>19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0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1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2</v>
      </c>
      <c r="E46" s="65"/>
      <c r="F46" s="65"/>
      <c r="G46" s="65"/>
      <c r="H46" s="66" t="s">
        <v>23</v>
      </c>
    </row>
    <row r="47" spans="1:8" ht="20.100000000000001" customHeight="1" x14ac:dyDescent="0.15">
      <c r="A47" s="65"/>
      <c r="B47" s="65"/>
      <c r="C47" s="65"/>
      <c r="D47" s="66" t="s">
        <v>24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5</v>
      </c>
      <c r="E49" s="65"/>
      <c r="F49" s="68"/>
      <c r="G49" s="65"/>
      <c r="H49" s="66" t="s">
        <v>23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6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27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3" stopIfTrue="1">
      <formula>ISERROR(B9)</formula>
    </cfRule>
  </conditionalFormatting>
  <conditionalFormatting sqref="B9:G38">
    <cfRule type="expression" dxfId="1" priority="1" stopIfTrue="1">
      <formula>ISERROR(B9)</formula>
    </cfRule>
  </conditionalFormatting>
  <conditionalFormatting sqref="H9:H39">
    <cfRule type="expression" dxfId="0" priority="2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1</vt:lpstr>
      <vt:lpstr>'21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田 篤史</dc:creator>
  <cp:lastModifiedBy>岩田 篤史</cp:lastModifiedBy>
  <dcterms:created xsi:type="dcterms:W3CDTF">2026-02-10T10:05:03Z</dcterms:created>
  <dcterms:modified xsi:type="dcterms:W3CDTF">2026-02-10T10:05:33Z</dcterms:modified>
</cp:coreProperties>
</file>